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539C4" w:rsidRDefault="00727213">
      <w:r w:rsidRPr="00727213">
        <w:rPr>
          <w:noProof/>
          <w:lang w:eastAsia="en-GB"/>
        </w:rPr>
        <w:drawing>
          <wp:inline distT="0" distB="0" distL="0" distR="0">
            <wp:extent cx="13011150" cy="7315200"/>
            <wp:effectExtent l="0" t="0" r="0" b="0"/>
            <wp:docPr id="7" name="Picture 7" descr="C:\Users\Keerti d k\Desktop\aws set 1\s3 dashbor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Keerti d k\Desktop\aws set 1\s3 dashbord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6" name="Picture 6" descr="C:\Users\Keerti d k\Desktop\aws set 1\s3 dashboard b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Keerti d k\Desktop\aws set 1\s3 dashboard b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5" name="Picture 5" descr="C:\Users\Keerti d k\Desktop\aws set 1\rek dash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Keerti d k\Desktop\aws set 1\rek dash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4" name="Picture 4" descr="C:\Users\Keerti d k\Desktop\aws set 1\login screen 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Keerti d k\Desktop\aws set 1\login screen 2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3" name="Picture 3" descr="C:\Users\Keerti d k\Desktop\aws set 1\login screen 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Keerti d k\Desktop\aws set 1\login screen 1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2" name="Picture 2" descr="C:\Users\Keerti d k\Desktop\aws set 1\login screen 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Keerti d k\Desktop\aws set 1\login screen 0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8" name="Picture 18" descr="C:\Users\Keerti d k\Desktop\aws set 2\puttygen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C:\Users\Keerti d k\Desktop\aws set 2\puttygen2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7" name="Picture 17" descr="C:\Users\Keerti d k\Desktop\aws set 2\puttygen 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Keerti d k\Desktop\aws set 2\puttygen 1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6" name="Picture 16" descr="C:\Users\Keerti d k\Desktop\aws set 2\login ec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Users\Keerti d k\Desktop\aws set 2\login ec2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5" name="Picture 15" descr="C:\Users\Keerti d k\Desktop\aws set 2\login ec2 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Keerti d k\Desktop\aws set 2\login ec2 2.jp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4" name="Picture 14" descr="C:\Users\Keerti d k\Desktop\aws set 2\launch instance complet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Keerti d k\Desktop\aws set 2\launch instance complete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3" name="Picture 13" descr="C:\Users\Keerti d k\Desktop\aws set 2\key pair download 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Keerti d k\Desktop\aws set 2\key pair download 1.jp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2" name="Picture 12" descr="C:\Users\Keerti d k\Desktop\aws set 2\download key pair 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Keerti d k\Desktop\aws set 2\download key pair 2.jp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1" name="Picture 11" descr="C:\Users\Keerti d k\Desktop\aws set 2\configure security grp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Keerti d k\Desktop\aws set 2\configure security grp.jp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0" name="Picture 10" descr="C:\Users\Keerti d k\Desktop\aws set 2\choosing an AMI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Keerti d k\Desktop\aws set 2\choosing an AMI.jp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9" name="Picture 9" descr="C:\Users\Keerti d k\Desktop\aws set 2\CHOOSE instance typ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Keerti d k\Desktop\aws set 2\CHOOSE instance type.jp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8" name="Picture 8" descr="C:\Users\Keerti d k\Desktop\aws set 2\adding storag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Keerti d k\Desktop\aws set 2\adding storage.jp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931B2" w:rsidRPr="00E931B2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24" name="Picture 24" descr="C:\Users\Keerti d k\Desktop\s3\upload obj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 descr="C:\Users\Keerti d k\Desktop\s3\upload obj.jpg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931B2" w:rsidRPr="00E931B2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23" name="Picture 23" descr="C:\Users\Keerti d k\Desktop\s3\success helo world static wwebsit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C:\Users\Keerti d k\Desktop\s3\success helo world static wwebsite.jp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931B2" w:rsidRPr="00E931B2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22" name="Picture 22" descr="C:\Users\Keerti d k\Desktop\s3\static web hosting ss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C:\Users\Keerti d k\Desktop\s3\static web hosting ss1.jpg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931B2" w:rsidRPr="00E931B2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21" name="Picture 21" descr="C:\Users\Keerti d k\Desktop\s3\make  pub succes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Keerti d k\Desktop\s3\make  pub success.jpg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931B2" w:rsidRPr="00E931B2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20" name="Picture 20" descr="C:\Users\Keerti d k\Desktop\s3\forbidden ss 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C:\Users\Keerti d k\Desktop\s3\forbidden ss 1.jpg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931B2" w:rsidRPr="00E931B2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9" name="Picture 19" descr="C:\Users\Keerti d k\Desktop\s3\create bucket 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Keerti d k\Desktop\s3\create bucket 1.jpg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931B2" w:rsidRPr="00E931B2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26" name="Picture 26" descr="C:\Users\Keerti d k\Desktop\ec2 s3\compos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C:\Users\Keerti d k\Desktop\ec2 s3\composer.jpg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931B2" w:rsidRPr="00E931B2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25" name="Picture 25" descr="C:\Users\Keerti d k\Desktop\ec2 s3\install php 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Keerti d k\Desktop\ec2 s3\install php 1.jpg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  <w:r w:rsidRPr="00727213">
        <w:rPr>
          <w:noProof/>
          <w:lang w:eastAsia="en-GB"/>
        </w:rPr>
        <w:lastRenderedPageBreak/>
        <w:drawing>
          <wp:inline distT="0" distB="0" distL="0" distR="0">
            <wp:extent cx="13011150" cy="7315200"/>
            <wp:effectExtent l="0" t="0" r="0" b="0"/>
            <wp:docPr id="1" name="Picture 1" descr="C:\Users\Keerti d k\Desktop\aws set 1\ec2 dashboar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Keerti d k\Desktop\aws set 1\ec2 dashboard.jpg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11150" cy="7315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F539C4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27213"/>
    <w:rsid w:val="00727213"/>
    <w:rsid w:val="00E931B2"/>
    <w:rsid w:val="00F539C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2F8F60E4-FF67-4B77-AB80-CB82327E919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jpeg"/><Relationship Id="rId13" Type="http://schemas.openxmlformats.org/officeDocument/2006/relationships/image" Target="media/image10.jpeg"/><Relationship Id="rId18" Type="http://schemas.openxmlformats.org/officeDocument/2006/relationships/image" Target="media/image15.jpeg"/><Relationship Id="rId26" Type="http://schemas.openxmlformats.org/officeDocument/2006/relationships/image" Target="media/image23.jpeg"/><Relationship Id="rId3" Type="http://schemas.openxmlformats.org/officeDocument/2006/relationships/webSettings" Target="webSettings.xml"/><Relationship Id="rId21" Type="http://schemas.openxmlformats.org/officeDocument/2006/relationships/image" Target="media/image18.jpeg"/><Relationship Id="rId7" Type="http://schemas.openxmlformats.org/officeDocument/2006/relationships/image" Target="media/image4.jpeg"/><Relationship Id="rId12" Type="http://schemas.openxmlformats.org/officeDocument/2006/relationships/image" Target="media/image9.jpeg"/><Relationship Id="rId17" Type="http://schemas.openxmlformats.org/officeDocument/2006/relationships/image" Target="media/image14.jpeg"/><Relationship Id="rId25" Type="http://schemas.openxmlformats.org/officeDocument/2006/relationships/image" Target="media/image22.jpeg"/><Relationship Id="rId2" Type="http://schemas.openxmlformats.org/officeDocument/2006/relationships/settings" Target="settings.xml"/><Relationship Id="rId16" Type="http://schemas.openxmlformats.org/officeDocument/2006/relationships/image" Target="media/image13.jpeg"/><Relationship Id="rId20" Type="http://schemas.openxmlformats.org/officeDocument/2006/relationships/image" Target="media/image17.jpeg"/><Relationship Id="rId29" Type="http://schemas.openxmlformats.org/officeDocument/2006/relationships/image" Target="media/image26.jpeg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11" Type="http://schemas.openxmlformats.org/officeDocument/2006/relationships/image" Target="media/image8.jpeg"/><Relationship Id="rId24" Type="http://schemas.openxmlformats.org/officeDocument/2006/relationships/image" Target="media/image21.jpeg"/><Relationship Id="rId5" Type="http://schemas.openxmlformats.org/officeDocument/2006/relationships/image" Target="media/image2.jpeg"/><Relationship Id="rId15" Type="http://schemas.openxmlformats.org/officeDocument/2006/relationships/image" Target="media/image12.jpeg"/><Relationship Id="rId23" Type="http://schemas.openxmlformats.org/officeDocument/2006/relationships/image" Target="media/image20.jpeg"/><Relationship Id="rId28" Type="http://schemas.openxmlformats.org/officeDocument/2006/relationships/image" Target="media/image25.jpeg"/><Relationship Id="rId10" Type="http://schemas.openxmlformats.org/officeDocument/2006/relationships/image" Target="media/image7.jpeg"/><Relationship Id="rId19" Type="http://schemas.openxmlformats.org/officeDocument/2006/relationships/image" Target="media/image16.jpeg"/><Relationship Id="rId31" Type="http://schemas.openxmlformats.org/officeDocument/2006/relationships/theme" Target="theme/theme1.xml"/><Relationship Id="rId4" Type="http://schemas.openxmlformats.org/officeDocument/2006/relationships/image" Target="media/image1.jpeg"/><Relationship Id="rId9" Type="http://schemas.openxmlformats.org/officeDocument/2006/relationships/image" Target="media/image6.jpeg"/><Relationship Id="rId14" Type="http://schemas.openxmlformats.org/officeDocument/2006/relationships/image" Target="media/image11.jpeg"/><Relationship Id="rId22" Type="http://schemas.openxmlformats.org/officeDocument/2006/relationships/image" Target="media/image19.jpeg"/><Relationship Id="rId27" Type="http://schemas.openxmlformats.org/officeDocument/2006/relationships/image" Target="media/image24.jpeg"/><Relationship Id="rId30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7</TotalTime>
  <Pages>26</Pages>
  <Words>4</Words>
  <Characters>23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eerti d k</dc:creator>
  <cp:keywords/>
  <dc:description/>
  <cp:lastModifiedBy>Keerti d k</cp:lastModifiedBy>
  <cp:revision>1</cp:revision>
  <dcterms:created xsi:type="dcterms:W3CDTF">2020-04-05T18:12:00Z</dcterms:created>
  <dcterms:modified xsi:type="dcterms:W3CDTF">2020-04-05T18:29:00Z</dcterms:modified>
</cp:coreProperties>
</file>